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9"/>
  </p:notesMasterIdLst>
  <p:sldIdLst>
    <p:sldId id="343" r:id="rId2"/>
    <p:sldId id="348" r:id="rId3"/>
    <p:sldId id="352" r:id="rId4"/>
    <p:sldId id="349" r:id="rId5"/>
    <p:sldId id="350" r:id="rId6"/>
    <p:sldId id="353" r:id="rId7"/>
    <p:sldId id="351" r:id="rId8"/>
  </p:sldIdLst>
  <p:sldSz cx="12192000" cy="6858000"/>
  <p:notesSz cx="6858000" cy="9144000"/>
  <p:custDataLst>
    <p:tags r:id="rId10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222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notesMaster" Target="notesMasters/notesMaster1.xml"/><Relationship Id="rId14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90343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5806233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7288877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3.png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hyperlink" Target="javascript:window.open('/next_lesson/22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Key Messages to Community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2" y="3211249"/>
            <a:ext cx="6979357" cy="707042"/>
          </a:xfrm>
          <a:prstGeom prst="rect">
            <a:avLst/>
          </a:prstGeom>
        </p:spPr>
        <p:txBody>
          <a:bodyPr anchor="b">
            <a:normAutofit fontScale="9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formation to share with the community when possible</a:t>
            </a:r>
          </a:p>
        </p:txBody>
      </p:sp>
      <p:pic>
        <p:nvPicPr>
          <p:cNvPr id="2" name="Picture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23408" y="277307"/>
            <a:ext cx="3094166" cy="1177305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291158" y="2083632"/>
            <a:ext cx="7548698" cy="226351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inally, here are a few messages that you should always make sure to share with the community to empower them to report misconducts when they happen</a:t>
            </a: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91024" y="779488"/>
            <a:ext cx="3311166" cy="938009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683646" y="1723868"/>
            <a:ext cx="7223734" cy="310662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umanitarian aid is free and should be given without exchange of favors</a:t>
            </a: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aff have a duty to treat you with dignity and respect</a:t>
            </a: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91024" y="779488"/>
            <a:ext cx="3311166" cy="938009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612391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677564" y="1005362"/>
            <a:ext cx="7623649" cy="44641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f </a:t>
            </a: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you experience misconduct by any aid worker or related personnel, it is not your fault, and you have the right to report it directly to the organization or to a humanitarian worker you trust</a:t>
            </a: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</a:p>
          <a:p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en the misconduct constitutes criminal acts, you have the right also to report to the police.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91024" y="779488"/>
            <a:ext cx="3311166" cy="938009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243036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70091" y="839450"/>
            <a:ext cx="7523131" cy="439762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porting incidents/concerns does not affect your access to services at any humanitarian organization</a:t>
            </a: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ports are handled safely &amp; confidentially. Your name or information will not be shared without your consent</a:t>
            </a: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23408" y="277307"/>
            <a:ext cx="3094166" cy="1177305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388908" y="2064896"/>
            <a:ext cx="7577253" cy="244890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urvivors </a:t>
            </a: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ave the right to access safety, protection, psychosocial, medical, and legal support, and any other relevant services.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23408" y="277307"/>
            <a:ext cx="3094166" cy="1177305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001137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91024" y="779488"/>
            <a:ext cx="3311166" cy="938009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key_message_community"/>
  <p:tag name="ISPRING_PRESENTATION_TITLE" val="key_message_community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REEN_RECS_UPDATED" val="C:\Users\hp\Desktop\Projects\Nabad\Nabad\psea\en\lessons\key_message_community\"/>
  <p:tag name="ISPRING_RESOURCE_FOLDER" val="C:\Users\hp\Desktop\Projects\Nabad\Nabad\psea\en\lessons\key_message_community\"/>
  <p:tag name="ISPRING_PRESENTATION_PATH" val="C:\Users\hp\Desktop\Projects\Nabad\Nabad\psea\en\lessons\key_message_community.pptx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-ICPk8_x4u9T5-UlfjzoZw&quot;,&quot;gi&quot;:&quot;U4djBiyrkBfdnM8zliu5SQ&quot;,&quot;ti&quot;:&quot;characters&quot;,&quot;vs&quot;:{&quot;f&quot;:[883,708],&quot;i&quot;:{&quot;d&quot;:&quot;-ICPk8_x4u9T5-UlfjzoZw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225F37F8-F936-4634-95A8-17805A18E1AF}:35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-ICPk8_x4u9T5-UlfjzoZw&quot;,&quot;gi&quot;:&quot;U4djBiyrkBfdnM8zliu5SQ&quot;,&quot;ti&quot;:&quot;characters&quot;,&quot;vs&quot;:{&quot;f&quot;:[883,708],&quot;i&quot;:{&quot;d&quot;:&quot;-ICPk8_x4u9T5-UlfjzoZw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-ICPk8_x4u9T5-UlfjzoZw&quot;,&quot;gi&quot;:&quot;U4djBiyrkBfdnM8zliu5SQ&quot;,&quot;ti&quot;:&quot;characters&quot;,&quot;vs&quot;:{&quot;f&quot;:[883,708],&quot;i&quot;:{&quot;d&quot;:&quot;-ICPk8_x4u9T5-UlfjzoZw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C73621C1-D4EF-4C84-A47E-E3F0FA1EFBC1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5A1C97C3-B39F-4AC1-979F-0ABBC504667B}:349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9174</TotalTime>
  <Words>186</Words>
  <Application>Microsoft Office PowerPoint</Application>
  <PresentationFormat>Widescreen</PresentationFormat>
  <Paragraphs>23</Paragraphs>
  <Slides>7</Slides>
  <Notes>7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7</vt:i4>
      </vt:variant>
    </vt:vector>
  </HeadingPairs>
  <TitlesOfParts>
    <vt:vector size="11" baseType="lpstr">
      <vt:lpstr>Arial</vt:lpstr>
      <vt:lpstr>Calibri</vt:lpstr>
      <vt:lpstr>Open Sans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key_message_community</dc:title>
  <dc:creator>pc</dc:creator>
  <cp:lastModifiedBy>Maher</cp:lastModifiedBy>
  <cp:revision>774</cp:revision>
  <dcterms:created xsi:type="dcterms:W3CDTF">2022-11-16T16:05:09Z</dcterms:created>
  <dcterms:modified xsi:type="dcterms:W3CDTF">2024-09-23T12:49:46Z</dcterms:modified>
</cp:coreProperties>
</file>